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0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恩賜記念林業振興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-</t>
  </si>
  <si>
    <t>固定負債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0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 t="s">
        <v>12</v>
      </c>
      <c r="K13" s="33"/>
      <c r="L13" s="34" t="s">
        <v>13</v>
      </c>
      <c r="M13" s="34"/>
      <c r="N13" s="34"/>
      <c r="O13" s="34"/>
      <c r="P13" s="34"/>
      <c r="Q13" s="34"/>
      <c r="R13" s="36"/>
      <c r="S13" s="37" t="s">
        <v>12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2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2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2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2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2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2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2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2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2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2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2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2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2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2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2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2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2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2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2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2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2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2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2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2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2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2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2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2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2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2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2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2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2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2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2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2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2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2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2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2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81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2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44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2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2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2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2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2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2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2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2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2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2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 t="s">
        <v>12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2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2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2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2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2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2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2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2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2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2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2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25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44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2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81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2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2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2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2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2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125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125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125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1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 t="s">
        <v>12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 t="s">
        <v>12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2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2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2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2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2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2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2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2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2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2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2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2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2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2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2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2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2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2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2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2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0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2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2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2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2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2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2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2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0</v>
      </c>
      <c r="K49" s="89"/>
      <c r="L49" s="90">
        <v>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2</v>
      </c>
      <c r="K50" s="91"/>
      <c r="L50" s="37" t="s">
        <v>12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2</v>
      </c>
      <c r="K51" s="91"/>
      <c r="L51" s="37" t="s">
        <v>12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2</v>
      </c>
      <c r="K52" s="91"/>
      <c r="L52" s="37" t="s">
        <v>12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2</v>
      </c>
      <c r="K53" s="91"/>
      <c r="L53" s="37" t="s">
        <v>12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2</v>
      </c>
      <c r="K54" s="91"/>
      <c r="L54" s="37" t="s">
        <v>12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2</v>
      </c>
      <c r="K55" s="91"/>
      <c r="L55" s="37" t="s">
        <v>12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2</v>
      </c>
      <c r="K56" s="91"/>
      <c r="L56" s="37" t="s">
        <v>12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2</v>
      </c>
      <c r="K57" s="91"/>
      <c r="L57" s="37" t="s">
        <v>12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2</v>
      </c>
      <c r="K58" s="91"/>
      <c r="L58" s="37" t="s">
        <v>12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2</v>
      </c>
      <c r="K59" s="91"/>
      <c r="L59" s="37" t="s">
        <v>12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0</v>
      </c>
      <c r="K60" s="92"/>
      <c r="L60" s="84">
        <v>0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64</v>
      </c>
      <c r="L61" s="37">
        <v>-64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2</v>
      </c>
      <c r="L62" s="37" t="s">
        <v>12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2</v>
      </c>
      <c r="L63" s="37" t="s">
        <v>12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109</v>
      </c>
      <c r="L64" s="37">
        <v>-109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45</v>
      </c>
      <c r="L65" s="37">
        <v>45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2</v>
      </c>
      <c r="K66" s="94" t="s">
        <v>12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2</v>
      </c>
      <c r="K67" s="94" t="s">
        <v>12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2</v>
      </c>
      <c r="K68" s="91"/>
      <c r="L68" s="37" t="s">
        <v>12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0</v>
      </c>
      <c r="K69" s="96">
        <v>64</v>
      </c>
      <c r="L69" s="84">
        <v>-64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125</v>
      </c>
      <c r="K70" s="94">
        <v>17</v>
      </c>
      <c r="L70" s="37">
        <v>108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125</v>
      </c>
      <c r="K71" s="100">
        <v>81</v>
      </c>
      <c r="L71" s="54">
        <v>44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2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 t="s">
        <v>12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 t="s">
        <v>12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2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2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2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2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 t="s">
        <v>12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2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2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2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2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 t="s">
        <v>12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2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2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2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2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2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0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109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2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2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2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109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45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2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2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45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2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2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64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2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2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2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2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2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2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-64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108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44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2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2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2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44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5Z</dcterms:created>
  <dcterms:modified xsi:type="dcterms:W3CDTF">2024-09-18T08:51:36Z</dcterms:modified>
</cp:coreProperties>
</file>